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/>
  </bookViews>
  <sheets>
    <sheet name="16-1" sheetId="3" r:id="rId1"/>
  </sheets>
  <definedNames>
    <definedName name="_xlnm.Print_Area" localSheetId="0">'16-1'!$A$1:$W$14</definedName>
  </definedNames>
  <calcPr calcId="152511" iterate="1"/>
</workbook>
</file>

<file path=xl/calcChain.xml><?xml version="1.0" encoding="utf-8"?>
<calcChain xmlns="http://schemas.openxmlformats.org/spreadsheetml/2006/main">
  <c r="C5" i="3" l="1"/>
  <c r="D5" i="3"/>
</calcChain>
</file>

<file path=xl/sharedStrings.xml><?xml version="1.0" encoding="utf-8"?>
<sst xmlns="http://schemas.openxmlformats.org/spreadsheetml/2006/main" count="18" uniqueCount="18">
  <si>
    <t>品目</t>
    <rPh sb="0" eb="2">
      <t>ヒンモク</t>
    </rPh>
    <phoneticPr fontId="2"/>
  </si>
  <si>
    <t>総数</t>
    <rPh sb="0" eb="2">
      <t>ソウスウ</t>
    </rPh>
    <phoneticPr fontId="2"/>
  </si>
  <si>
    <t>－佐久税務署管内－</t>
    <rPh sb="1" eb="3">
      <t>サク</t>
    </rPh>
    <rPh sb="3" eb="6">
      <t>ゼイムショ</t>
    </rPh>
    <rPh sb="6" eb="8">
      <t>カンナイ</t>
    </rPh>
    <phoneticPr fontId="2"/>
  </si>
  <si>
    <t>清酒</t>
    <rPh sb="0" eb="2">
      <t>セイシュ</t>
    </rPh>
    <phoneticPr fontId="2"/>
  </si>
  <si>
    <t>焼酎</t>
    <rPh sb="0" eb="2">
      <t>ショウチュウ</t>
    </rPh>
    <phoneticPr fontId="2"/>
  </si>
  <si>
    <t>その他</t>
    <rPh sb="2" eb="3">
      <t>タ</t>
    </rPh>
    <phoneticPr fontId="2"/>
  </si>
  <si>
    <t>平成10年度</t>
    <rPh sb="0" eb="2">
      <t>ヘイセイ</t>
    </rPh>
    <rPh sb="4" eb="6">
      <t>ネンド</t>
    </rPh>
    <phoneticPr fontId="2"/>
  </si>
  <si>
    <t>平成11年度</t>
    <rPh sb="0" eb="2">
      <t>ヘイセイ</t>
    </rPh>
    <rPh sb="4" eb="6">
      <t>ネンド</t>
    </rPh>
    <phoneticPr fontId="2"/>
  </si>
  <si>
    <t>16-1　酒類消費数量</t>
    <rPh sb="5" eb="6">
      <t>サケ</t>
    </rPh>
    <rPh sb="6" eb="7">
      <t>ルイ</t>
    </rPh>
    <rPh sb="7" eb="9">
      <t>ショウヒ</t>
    </rPh>
    <rPh sb="9" eb="11">
      <t>スウリョウ</t>
    </rPh>
    <phoneticPr fontId="2"/>
  </si>
  <si>
    <t>ビール</t>
    <phoneticPr fontId="2"/>
  </si>
  <si>
    <t>ウィスキー</t>
    <phoneticPr fontId="2"/>
  </si>
  <si>
    <t>ブランデー</t>
    <phoneticPr fontId="2"/>
  </si>
  <si>
    <t>12年度</t>
    <rPh sb="2" eb="4">
      <t>ネンド</t>
    </rPh>
    <phoneticPr fontId="2"/>
  </si>
  <si>
    <t>（単位：kℓ）</t>
    <phoneticPr fontId="2"/>
  </si>
  <si>
    <t>資料：国税庁ホームページ</t>
    <rPh sb="0" eb="2">
      <t>シリョウ</t>
    </rPh>
    <rPh sb="3" eb="6">
      <t>コクゼイチョウ</t>
    </rPh>
    <phoneticPr fontId="2"/>
  </si>
  <si>
    <t>発泡酒</t>
    <rPh sb="0" eb="3">
      <t>ハッポウシュ</t>
    </rPh>
    <phoneticPr fontId="2"/>
  </si>
  <si>
    <t>リキュール</t>
    <phoneticPr fontId="2"/>
  </si>
  <si>
    <t>平成30年11月に赤字の箇所を修正しました。</t>
    <rPh sb="0" eb="2">
      <t>ヘイセイ</t>
    </rPh>
    <rPh sb="4" eb="5">
      <t>ネン</t>
    </rPh>
    <rPh sb="7" eb="8">
      <t>ガツ</t>
    </rPh>
    <rPh sb="9" eb="11">
      <t>アカジ</t>
    </rPh>
    <rPh sb="12" eb="14">
      <t>カショ</t>
    </rPh>
    <rPh sb="15" eb="17">
      <t>シュウセ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明朝"/>
      <family val="1"/>
      <charset val="128"/>
    </font>
    <font>
      <sz val="12"/>
      <name val="明朝"/>
      <family val="1"/>
      <charset val="128"/>
    </font>
    <font>
      <sz val="12"/>
      <color rgb="FFFF000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3" fillId="0" borderId="0" xfId="0" applyFont="1" applyAlignment="1">
      <alignment vertical="center"/>
    </xf>
    <xf numFmtId="49" fontId="3" fillId="0" borderId="0" xfId="0" applyNumberFormat="1" applyFont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/>
    <xf numFmtId="0" fontId="4" fillId="0" borderId="0" xfId="0" applyFont="1" applyAlignment="1">
      <alignment horizontal="right"/>
    </xf>
    <xf numFmtId="38" fontId="4" fillId="0" borderId="0" xfId="1" applyFont="1" applyAlignment="1">
      <alignment horizontal="right"/>
    </xf>
    <xf numFmtId="38" fontId="4" fillId="0" borderId="0" xfId="1" applyFont="1" applyAlignment="1">
      <alignment horizontal="right" vertical="center"/>
    </xf>
    <xf numFmtId="38" fontId="4" fillId="0" borderId="0" xfId="1" applyFont="1" applyBorder="1" applyAlignment="1">
      <alignment horizontal="right" vertical="center"/>
    </xf>
    <xf numFmtId="38" fontId="4" fillId="0" borderId="0" xfId="1" applyFont="1" applyFill="1" applyAlignment="1">
      <alignment horizontal="right" vertical="center"/>
    </xf>
    <xf numFmtId="38" fontId="4" fillId="0" borderId="0" xfId="1" applyFont="1" applyFill="1" applyBorder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49" fontId="3" fillId="0" borderId="0" xfId="0" applyNumberFormat="1" applyFont="1" applyBorder="1" applyAlignment="1">
      <alignment horizontal="right" vertical="center"/>
    </xf>
    <xf numFmtId="0" fontId="4" fillId="0" borderId="2" xfId="0" applyFont="1" applyBorder="1" applyAlignment="1">
      <alignment horizontal="center" vertical="center"/>
    </xf>
    <xf numFmtId="0" fontId="4" fillId="0" borderId="2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38" fontId="4" fillId="0" borderId="0" xfId="0" applyNumberFormat="1" applyFont="1" applyAlignment="1">
      <alignment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38" fontId="4" fillId="0" borderId="6" xfId="1" applyFont="1" applyBorder="1" applyAlignment="1">
      <alignment horizontal="right" vertical="center"/>
    </xf>
    <xf numFmtId="38" fontId="4" fillId="0" borderId="6" xfId="1" applyFont="1" applyFill="1" applyBorder="1" applyAlignment="1">
      <alignment horizontal="right" vertical="center"/>
    </xf>
    <xf numFmtId="0" fontId="5" fillId="0" borderId="0" xfId="0" applyFont="1"/>
    <xf numFmtId="38" fontId="5" fillId="0" borderId="0" xfId="1" applyFont="1" applyFill="1" applyBorder="1" applyAlignment="1">
      <alignment horizontal="right" vertical="center"/>
    </xf>
    <xf numFmtId="38" fontId="5" fillId="0" borderId="6" xfId="1" applyFont="1" applyFill="1" applyBorder="1" applyAlignment="1">
      <alignment horizontal="right" vertical="center"/>
    </xf>
    <xf numFmtId="38" fontId="4" fillId="0" borderId="0" xfId="0" applyNumberFormat="1" applyFont="1"/>
    <xf numFmtId="0" fontId="4" fillId="0" borderId="7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0" xfId="0" applyFont="1" applyBorder="1" applyAlignment="1">
      <alignment horizontal="right"/>
    </xf>
    <xf numFmtId="0" fontId="0" fillId="0" borderId="0" xfId="0" applyBorder="1" applyAlignment="1"/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238125</xdr:colOff>
      <xdr:row>5</xdr:row>
      <xdr:rowOff>47625</xdr:rowOff>
    </xdr:from>
    <xdr:to>
      <xdr:col>2</xdr:col>
      <xdr:colOff>314325</xdr:colOff>
      <xdr:row>6</xdr:row>
      <xdr:rowOff>0</xdr:rowOff>
    </xdr:to>
    <xdr:sp macro="" textlink="">
      <xdr:nvSpPr>
        <xdr:cNvPr id="2117" name="AutoShape 2"/>
        <xdr:cNvSpPr>
          <a:spLocks/>
        </xdr:cNvSpPr>
      </xdr:nvSpPr>
      <xdr:spPr bwMode="auto">
        <a:xfrm>
          <a:off x="1066800" y="1333500"/>
          <a:ext cx="0" cy="409575"/>
        </a:xfrm>
        <a:prstGeom prst="leftBrace">
          <a:avLst>
            <a:gd name="adj1" fmla="val -2147483648"/>
            <a:gd name="adj2" fmla="val 50000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16"/>
  <sheetViews>
    <sheetView tabSelected="1" view="pageBreakPreview" zoomScaleNormal="100" workbookViewId="0">
      <pane xSplit="4" ySplit="4" topLeftCell="E5" activePane="bottomRight" state="frozen"/>
      <selection pane="topRight" activeCell="E1" sqref="E1"/>
      <selection pane="bottomLeft" activeCell="A3" sqref="A3"/>
      <selection pane="bottomRight" activeCell="A3" sqref="A3"/>
    </sheetView>
  </sheetViews>
  <sheetFormatPr defaultRowHeight="14.25"/>
  <cols>
    <col min="1" max="1" width="12.5" style="4" customWidth="1"/>
    <col min="2" max="2" width="1.5" style="4" customWidth="1"/>
    <col min="3" max="3" width="1.5" style="4" hidden="1" customWidth="1"/>
    <col min="4" max="4" width="14.375" style="4" hidden="1" customWidth="1"/>
    <col min="5" max="16" width="8.625" style="4" customWidth="1"/>
    <col min="17" max="16384" width="9" style="4"/>
  </cols>
  <sheetData>
    <row r="1" spans="1:23">
      <c r="A1" s="22" t="s">
        <v>17</v>
      </c>
    </row>
    <row r="3" spans="1:23" ht="18" customHeight="1">
      <c r="A3" s="1" t="s">
        <v>8</v>
      </c>
      <c r="B3" s="1"/>
      <c r="C3" s="2"/>
      <c r="D3" s="3"/>
      <c r="G3" s="12" t="s">
        <v>2</v>
      </c>
      <c r="I3" s="5"/>
      <c r="J3" s="12" t="s">
        <v>13</v>
      </c>
      <c r="K3" s="29"/>
      <c r="L3" s="29"/>
      <c r="M3" s="29"/>
      <c r="N3" s="29"/>
      <c r="O3" s="29"/>
      <c r="P3" s="30"/>
    </row>
    <row r="4" spans="1:23" ht="18.75" customHeight="1">
      <c r="A4" s="26" t="s">
        <v>0</v>
      </c>
      <c r="B4" s="27"/>
      <c r="C4" s="11" t="s">
        <v>6</v>
      </c>
      <c r="D4" s="11" t="s">
        <v>7</v>
      </c>
      <c r="E4" s="11" t="s">
        <v>12</v>
      </c>
      <c r="F4" s="11">
        <v>13</v>
      </c>
      <c r="G4" s="13">
        <v>14</v>
      </c>
      <c r="H4" s="13">
        <v>15</v>
      </c>
      <c r="I4" s="13">
        <v>16</v>
      </c>
      <c r="J4" s="13">
        <v>17</v>
      </c>
      <c r="K4" s="14">
        <v>18</v>
      </c>
      <c r="L4" s="14">
        <v>19</v>
      </c>
      <c r="M4" s="15">
        <v>20</v>
      </c>
      <c r="N4" s="14">
        <v>21</v>
      </c>
      <c r="O4" s="15">
        <v>22</v>
      </c>
      <c r="P4" s="15">
        <v>23</v>
      </c>
      <c r="Q4" s="15">
        <v>24</v>
      </c>
      <c r="R4" s="15">
        <v>25</v>
      </c>
      <c r="S4" s="14">
        <v>26</v>
      </c>
      <c r="T4" s="14">
        <v>27</v>
      </c>
      <c r="U4" s="14">
        <v>28</v>
      </c>
      <c r="V4" s="14">
        <v>29</v>
      </c>
      <c r="W4" s="14">
        <v>30</v>
      </c>
    </row>
    <row r="5" spans="1:23" ht="36" customHeight="1">
      <c r="A5" s="26" t="s">
        <v>1</v>
      </c>
      <c r="B5" s="27"/>
      <c r="C5" s="6">
        <f>SUM(C6:C13)</f>
        <v>13903</v>
      </c>
      <c r="D5" s="7">
        <f>SUM(D6:D13)</f>
        <v>10978</v>
      </c>
      <c r="E5" s="7">
        <v>15005</v>
      </c>
      <c r="F5" s="7">
        <v>16993</v>
      </c>
      <c r="G5" s="7">
        <v>15627</v>
      </c>
      <c r="H5" s="7">
        <v>15386</v>
      </c>
      <c r="I5" s="7">
        <v>14842</v>
      </c>
      <c r="J5" s="9">
        <v>14484</v>
      </c>
      <c r="K5" s="9">
        <v>13802</v>
      </c>
      <c r="L5" s="9">
        <v>15013</v>
      </c>
      <c r="M5" s="9">
        <v>14308</v>
      </c>
      <c r="N5" s="10">
        <v>14506</v>
      </c>
      <c r="O5" s="10">
        <v>14418</v>
      </c>
      <c r="P5" s="10">
        <v>14518</v>
      </c>
      <c r="Q5" s="10">
        <v>14601</v>
      </c>
      <c r="R5" s="10">
        <v>15823</v>
      </c>
      <c r="S5" s="10">
        <v>14919</v>
      </c>
      <c r="T5" s="23">
        <v>17933</v>
      </c>
      <c r="U5" s="10">
        <v>15319</v>
      </c>
      <c r="V5" s="10">
        <v>16913</v>
      </c>
      <c r="W5" s="10">
        <v>18206</v>
      </c>
    </row>
    <row r="6" spans="1:23" ht="36" customHeight="1">
      <c r="A6" s="28" t="s">
        <v>3</v>
      </c>
      <c r="B6" s="26"/>
      <c r="C6" s="8"/>
      <c r="D6" s="8">
        <v>1592</v>
      </c>
      <c r="E6" s="8">
        <v>2076</v>
      </c>
      <c r="F6" s="8">
        <v>2243</v>
      </c>
      <c r="G6" s="8">
        <v>2053</v>
      </c>
      <c r="H6" s="7">
        <v>1935</v>
      </c>
      <c r="I6" s="7">
        <v>1671</v>
      </c>
      <c r="J6" s="10">
        <v>1551</v>
      </c>
      <c r="K6" s="9">
        <v>1510</v>
      </c>
      <c r="L6" s="9">
        <v>1628</v>
      </c>
      <c r="M6" s="9">
        <v>1539</v>
      </c>
      <c r="N6" s="10">
        <v>1590</v>
      </c>
      <c r="O6" s="10">
        <v>1532</v>
      </c>
      <c r="P6" s="10">
        <v>1479</v>
      </c>
      <c r="Q6" s="10">
        <v>1430</v>
      </c>
      <c r="R6" s="10">
        <v>1512</v>
      </c>
      <c r="S6" s="10">
        <v>1606</v>
      </c>
      <c r="T6" s="23">
        <v>1404</v>
      </c>
      <c r="U6" s="10">
        <v>1383</v>
      </c>
      <c r="V6" s="10">
        <v>1352</v>
      </c>
      <c r="W6" s="10">
        <v>1460</v>
      </c>
    </row>
    <row r="7" spans="1:23" ht="36" customHeight="1">
      <c r="A7" s="26" t="s">
        <v>4</v>
      </c>
      <c r="B7" s="27"/>
      <c r="C7" s="8">
        <v>1625</v>
      </c>
      <c r="D7" s="8">
        <v>1004</v>
      </c>
      <c r="E7" s="8">
        <v>1541</v>
      </c>
      <c r="F7" s="8">
        <v>1854</v>
      </c>
      <c r="G7" s="8">
        <v>1822</v>
      </c>
      <c r="H7" s="7">
        <v>2035</v>
      </c>
      <c r="I7" s="7">
        <v>2014</v>
      </c>
      <c r="J7" s="10">
        <v>2140</v>
      </c>
      <c r="K7" s="9">
        <v>2090</v>
      </c>
      <c r="L7" s="9">
        <v>2153</v>
      </c>
      <c r="M7" s="9">
        <v>2017</v>
      </c>
      <c r="N7" s="10">
        <v>2078</v>
      </c>
      <c r="O7" s="10">
        <v>1895</v>
      </c>
      <c r="P7" s="10">
        <v>1890</v>
      </c>
      <c r="Q7" s="10">
        <v>1821</v>
      </c>
      <c r="R7" s="10">
        <v>1886</v>
      </c>
      <c r="S7" s="10">
        <v>1708</v>
      </c>
      <c r="T7" s="10">
        <v>1661</v>
      </c>
      <c r="U7" s="10">
        <v>1657</v>
      </c>
      <c r="V7" s="10">
        <v>1607</v>
      </c>
      <c r="W7" s="10">
        <v>1808</v>
      </c>
    </row>
    <row r="8" spans="1:23" ht="36" customHeight="1">
      <c r="A8" s="26" t="s">
        <v>9</v>
      </c>
      <c r="B8" s="27"/>
      <c r="C8" s="8">
        <v>9056</v>
      </c>
      <c r="D8" s="8">
        <v>6449</v>
      </c>
      <c r="E8" s="8">
        <v>7992</v>
      </c>
      <c r="F8" s="8">
        <v>8133</v>
      </c>
      <c r="G8" s="8">
        <v>6567</v>
      </c>
      <c r="H8" s="7">
        <v>6200</v>
      </c>
      <c r="I8" s="7">
        <v>5926</v>
      </c>
      <c r="J8" s="10">
        <v>5387</v>
      </c>
      <c r="K8" s="9">
        <v>4849</v>
      </c>
      <c r="L8" s="9">
        <v>5583</v>
      </c>
      <c r="M8" s="9">
        <v>5128</v>
      </c>
      <c r="N8" s="10">
        <v>4829</v>
      </c>
      <c r="O8" s="10">
        <v>4751</v>
      </c>
      <c r="P8" s="10">
        <v>4919</v>
      </c>
      <c r="Q8" s="10">
        <v>4998</v>
      </c>
      <c r="R8" s="10">
        <v>5644</v>
      </c>
      <c r="S8" s="10">
        <v>5195</v>
      </c>
      <c r="T8" s="10">
        <v>7872</v>
      </c>
      <c r="U8" s="10">
        <v>5200</v>
      </c>
      <c r="V8" s="10">
        <v>7061</v>
      </c>
      <c r="W8" s="10">
        <v>6843</v>
      </c>
    </row>
    <row r="9" spans="1:23" ht="36" customHeight="1">
      <c r="A9" s="26" t="s">
        <v>10</v>
      </c>
      <c r="B9" s="27"/>
      <c r="C9" s="8">
        <v>223</v>
      </c>
      <c r="D9" s="8">
        <v>133</v>
      </c>
      <c r="E9" s="8">
        <v>193</v>
      </c>
      <c r="F9" s="8">
        <v>192</v>
      </c>
      <c r="G9" s="8">
        <v>184</v>
      </c>
      <c r="H9" s="7">
        <v>163</v>
      </c>
      <c r="I9" s="7">
        <v>148</v>
      </c>
      <c r="J9" s="10">
        <v>149</v>
      </c>
      <c r="K9" s="9">
        <v>140</v>
      </c>
      <c r="L9" s="9">
        <v>148</v>
      </c>
      <c r="M9" s="9">
        <v>146</v>
      </c>
      <c r="N9" s="10">
        <v>163</v>
      </c>
      <c r="O9" s="10">
        <v>187</v>
      </c>
      <c r="P9" s="10">
        <v>197</v>
      </c>
      <c r="Q9" s="10">
        <v>192</v>
      </c>
      <c r="R9" s="10">
        <v>213</v>
      </c>
      <c r="S9" s="10">
        <v>222</v>
      </c>
      <c r="T9" s="10">
        <v>249</v>
      </c>
      <c r="U9" s="10">
        <v>263</v>
      </c>
      <c r="V9" s="10">
        <v>291</v>
      </c>
      <c r="W9" s="10">
        <v>425</v>
      </c>
    </row>
    <row r="10" spans="1:23" ht="36" customHeight="1">
      <c r="A10" s="26" t="s">
        <v>11</v>
      </c>
      <c r="B10" s="27"/>
      <c r="C10" s="8">
        <v>21</v>
      </c>
      <c r="D10" s="8">
        <v>12</v>
      </c>
      <c r="E10" s="8">
        <v>16</v>
      </c>
      <c r="F10" s="8">
        <v>16</v>
      </c>
      <c r="G10" s="8">
        <v>14</v>
      </c>
      <c r="H10" s="7">
        <v>12</v>
      </c>
      <c r="I10" s="7">
        <v>11</v>
      </c>
      <c r="J10" s="10">
        <v>9</v>
      </c>
      <c r="K10" s="9">
        <v>7</v>
      </c>
      <c r="L10" s="9">
        <v>8</v>
      </c>
      <c r="M10" s="9">
        <v>7</v>
      </c>
      <c r="N10" s="10">
        <v>7</v>
      </c>
      <c r="O10" s="10">
        <v>7</v>
      </c>
      <c r="P10" s="10">
        <v>7</v>
      </c>
      <c r="Q10" s="10">
        <v>8</v>
      </c>
      <c r="R10" s="10">
        <v>8</v>
      </c>
      <c r="S10" s="10">
        <v>7</v>
      </c>
      <c r="T10" s="10">
        <v>7</v>
      </c>
      <c r="U10" s="10">
        <v>7</v>
      </c>
      <c r="V10" s="10">
        <v>7</v>
      </c>
      <c r="W10" s="10">
        <v>9</v>
      </c>
    </row>
    <row r="11" spans="1:23" ht="36" customHeight="1">
      <c r="A11" s="17" t="s">
        <v>15</v>
      </c>
      <c r="B11" s="18"/>
      <c r="C11" s="8"/>
      <c r="D11" s="8"/>
      <c r="E11" s="8">
        <v>1587</v>
      </c>
      <c r="F11" s="8">
        <v>2839</v>
      </c>
      <c r="G11" s="8">
        <v>3216</v>
      </c>
      <c r="H11" s="7">
        <v>3191</v>
      </c>
      <c r="I11" s="7">
        <v>2859</v>
      </c>
      <c r="J11" s="10">
        <v>1956</v>
      </c>
      <c r="K11" s="9">
        <v>1823</v>
      </c>
      <c r="L11" s="9">
        <v>1925</v>
      </c>
      <c r="M11" s="9">
        <v>1593</v>
      </c>
      <c r="N11" s="10">
        <v>1322</v>
      </c>
      <c r="O11" s="10">
        <v>1353</v>
      </c>
      <c r="P11" s="10">
        <v>1271</v>
      </c>
      <c r="Q11" s="10">
        <v>1257</v>
      </c>
      <c r="R11" s="10">
        <v>1307</v>
      </c>
      <c r="S11" s="10">
        <v>1206</v>
      </c>
      <c r="T11" s="10">
        <v>1616</v>
      </c>
      <c r="U11" s="10">
        <v>1431</v>
      </c>
      <c r="V11" s="10">
        <v>1091</v>
      </c>
      <c r="W11" s="10">
        <v>1068</v>
      </c>
    </row>
    <row r="12" spans="1:23" ht="36" customHeight="1">
      <c r="A12" s="19" t="s">
        <v>16</v>
      </c>
      <c r="B12" s="18"/>
      <c r="C12" s="8"/>
      <c r="D12" s="8"/>
      <c r="E12" s="8">
        <v>524</v>
      </c>
      <c r="F12" s="8">
        <v>693</v>
      </c>
      <c r="G12" s="8">
        <v>818</v>
      </c>
      <c r="H12" s="7">
        <v>922</v>
      </c>
      <c r="I12" s="7">
        <v>1059</v>
      </c>
      <c r="J12" s="10">
        <v>1253</v>
      </c>
      <c r="K12" s="9">
        <v>1039</v>
      </c>
      <c r="L12" s="9">
        <v>1461</v>
      </c>
      <c r="M12" s="9">
        <v>1687</v>
      </c>
      <c r="N12" s="10">
        <v>2166</v>
      </c>
      <c r="O12" s="10">
        <v>2644</v>
      </c>
      <c r="P12" s="10">
        <v>2786</v>
      </c>
      <c r="Q12" s="10">
        <v>2855</v>
      </c>
      <c r="R12" s="10">
        <v>3227</v>
      </c>
      <c r="S12" s="10">
        <v>2968</v>
      </c>
      <c r="T12" s="10">
        <v>3085</v>
      </c>
      <c r="U12" s="10">
        <v>3374</v>
      </c>
      <c r="V12" s="10">
        <v>3371</v>
      </c>
      <c r="W12" s="10">
        <v>3990</v>
      </c>
    </row>
    <row r="13" spans="1:23" ht="36" customHeight="1">
      <c r="A13" s="26" t="s">
        <v>5</v>
      </c>
      <c r="B13" s="27"/>
      <c r="C13" s="20">
        <v>2978</v>
      </c>
      <c r="D13" s="20">
        <v>1788</v>
      </c>
      <c r="E13" s="20">
        <v>1076</v>
      </c>
      <c r="F13" s="20">
        <v>1023</v>
      </c>
      <c r="G13" s="20">
        <v>953</v>
      </c>
      <c r="H13" s="20">
        <v>928</v>
      </c>
      <c r="I13" s="20">
        <v>1154</v>
      </c>
      <c r="J13" s="21">
        <v>2039</v>
      </c>
      <c r="K13" s="21">
        <v>2344</v>
      </c>
      <c r="L13" s="21">
        <v>2107</v>
      </c>
      <c r="M13" s="21">
        <v>2191</v>
      </c>
      <c r="N13" s="21">
        <v>2351</v>
      </c>
      <c r="O13" s="21">
        <v>2049</v>
      </c>
      <c r="P13" s="21">
        <v>1969</v>
      </c>
      <c r="Q13" s="21">
        <v>2040</v>
      </c>
      <c r="R13" s="21">
        <v>2026</v>
      </c>
      <c r="S13" s="21">
        <v>2007</v>
      </c>
      <c r="T13" s="24">
        <v>2038</v>
      </c>
      <c r="U13" s="21">
        <v>2004</v>
      </c>
      <c r="V13" s="21">
        <v>2135</v>
      </c>
      <c r="W13" s="21">
        <v>2603</v>
      </c>
    </row>
    <row r="14" spans="1:23" s="3" customFormat="1">
      <c r="A14" s="3" t="s">
        <v>14</v>
      </c>
      <c r="N14" s="16"/>
      <c r="O14" s="16"/>
      <c r="P14" s="16"/>
      <c r="U14" s="16"/>
      <c r="V14" s="16"/>
      <c r="W14" s="16"/>
    </row>
    <row r="15" spans="1:23">
      <c r="N15" s="25"/>
      <c r="O15" s="25"/>
      <c r="P15" s="25"/>
      <c r="Q15" s="25"/>
      <c r="R15" s="25"/>
      <c r="S15" s="25"/>
      <c r="T15" s="25"/>
      <c r="U15" s="25"/>
      <c r="V15" s="25"/>
      <c r="W15" s="25"/>
    </row>
    <row r="16" spans="1:23">
      <c r="T16" s="25"/>
      <c r="U16" s="25"/>
      <c r="V16" s="25"/>
      <c r="W16" s="25"/>
    </row>
  </sheetData>
  <mergeCells count="9">
    <mergeCell ref="K3:P3"/>
    <mergeCell ref="A8:B8"/>
    <mergeCell ref="A9:B9"/>
    <mergeCell ref="A10:B10"/>
    <mergeCell ref="A13:B13"/>
    <mergeCell ref="A4:B4"/>
    <mergeCell ref="A5:B5"/>
    <mergeCell ref="A7:B7"/>
    <mergeCell ref="A6:B6"/>
  </mergeCells>
  <phoneticPr fontId="2"/>
  <printOptions horizontalCentered="1"/>
  <pageMargins left="0.39370078740157483" right="0.39370078740157483" top="0.98425196850393704" bottom="0.98425196850393704" header="0.51181102362204722" footer="0.51181102362204722"/>
  <pageSetup paperSize="9" scale="78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6-1</vt:lpstr>
      <vt:lpstr>'16-1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sanUser</dc:creator>
  <cp:lastModifiedBy>Administrator</cp:lastModifiedBy>
  <cp:lastPrinted>2021-02-06T00:31:32Z</cp:lastPrinted>
  <dcterms:created xsi:type="dcterms:W3CDTF">1997-01-08T22:48:59Z</dcterms:created>
  <dcterms:modified xsi:type="dcterms:W3CDTF">2021-02-06T00:34:05Z</dcterms:modified>
</cp:coreProperties>
</file>